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909"/>
  </bookViews>
  <sheets>
    <sheet name="7-22" sheetId="34" r:id="rId1"/>
  </sheets>
  <calcPr calcId="152511"/>
</workbook>
</file>

<file path=xl/sharedStrings.xml><?xml version="1.0" encoding="utf-8"?>
<sst xmlns="http://schemas.openxmlformats.org/spreadsheetml/2006/main" count="20" uniqueCount="14">
  <si>
    <t>件数</t>
    <rPh sb="0" eb="2">
      <t>ケンスウ</t>
    </rPh>
    <phoneticPr fontId="2"/>
  </si>
  <si>
    <t>総数</t>
    <rPh sb="0" eb="2">
      <t>ソウスウ</t>
    </rPh>
    <phoneticPr fontId="2"/>
  </si>
  <si>
    <t>資料：農業委員会</t>
    <rPh sb="0" eb="2">
      <t>シリョウ</t>
    </rPh>
    <rPh sb="3" eb="5">
      <t>ノウギョウ</t>
    </rPh>
    <rPh sb="5" eb="8">
      <t>イインカイ</t>
    </rPh>
    <phoneticPr fontId="2"/>
  </si>
  <si>
    <t>所有権の移転</t>
    <rPh sb="0" eb="3">
      <t>ショユウケン</t>
    </rPh>
    <rPh sb="4" eb="6">
      <t>イテン</t>
    </rPh>
    <phoneticPr fontId="2"/>
  </si>
  <si>
    <t>賃使用賃借権の設定</t>
    <rPh sb="0" eb="1">
      <t>チン</t>
    </rPh>
    <rPh sb="1" eb="3">
      <t>シヨウ</t>
    </rPh>
    <rPh sb="3" eb="5">
      <t>チンシャク</t>
    </rPh>
    <rPh sb="5" eb="6">
      <t>ケン</t>
    </rPh>
    <rPh sb="7" eb="9">
      <t>セッテイ</t>
    </rPh>
    <phoneticPr fontId="2"/>
  </si>
  <si>
    <t>（単位：件，a）</t>
    <rPh sb="1" eb="3">
      <t>タンイ</t>
    </rPh>
    <rPh sb="4" eb="5">
      <t>ケン</t>
    </rPh>
    <phoneticPr fontId="2"/>
  </si>
  <si>
    <t>年次</t>
    <rPh sb="0" eb="2">
      <t>ネンジ</t>
    </rPh>
    <phoneticPr fontId="2"/>
  </si>
  <si>
    <t>面積</t>
    <rPh sb="0" eb="2">
      <t>メンセキ</t>
    </rPh>
    <phoneticPr fontId="2"/>
  </si>
  <si>
    <t>田</t>
    <rPh sb="0" eb="1">
      <t>タ</t>
    </rPh>
    <phoneticPr fontId="2"/>
  </si>
  <si>
    <t>畑</t>
    <rPh sb="0" eb="1">
      <t>ハタケ</t>
    </rPh>
    <phoneticPr fontId="2"/>
  </si>
  <si>
    <t>平成13年</t>
    <rPh sb="0" eb="2">
      <t>ヘイセイ</t>
    </rPh>
    <rPh sb="4" eb="5">
      <t>ネン</t>
    </rPh>
    <phoneticPr fontId="2"/>
  </si>
  <si>
    <t>7-22　売買及び賃使用賃借による農地移動状況</t>
    <rPh sb="5" eb="7">
      <t>バイバイ</t>
    </rPh>
    <rPh sb="7" eb="8">
      <t>オヨ</t>
    </rPh>
    <rPh sb="9" eb="10">
      <t>チン</t>
    </rPh>
    <rPh sb="10" eb="12">
      <t>シヨウ</t>
    </rPh>
    <rPh sb="12" eb="14">
      <t>チンシャク</t>
    </rPh>
    <rPh sb="17" eb="19">
      <t>ノウチ</t>
    </rPh>
    <rPh sb="19" eb="21">
      <t>イドウ</t>
    </rPh>
    <rPh sb="21" eb="23">
      <t>ジョウキョウ</t>
    </rPh>
    <phoneticPr fontId="2"/>
  </si>
  <si>
    <t>令和元年</t>
    <rPh sb="0" eb="2">
      <t>レイワ</t>
    </rPh>
    <rPh sb="2" eb="4">
      <t>ガンネン</t>
    </rPh>
    <phoneticPr fontId="2"/>
  </si>
  <si>
    <t>令和3年1月に赤字の箇所を修正しました。</t>
    <rPh sb="0" eb="2">
      <t>レイワ</t>
    </rPh>
    <rPh sb="3" eb="4">
      <t>ネン</t>
    </rPh>
    <rPh sb="5" eb="6">
      <t>ガツ</t>
    </rPh>
    <rPh sb="7" eb="9">
      <t>アカジ</t>
    </rPh>
    <rPh sb="10" eb="12">
      <t>カショ</t>
    </rPh>
    <rPh sb="13" eb="15">
      <t>シュウセ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b/>
      <sz val="12"/>
      <name val="ＭＳ 明朝"/>
      <family val="1"/>
      <charset val="128"/>
    </font>
    <font>
      <sz val="11"/>
      <name val="ＭＳ Ｐゴシック"/>
      <family val="3"/>
      <charset val="128"/>
    </font>
    <font>
      <sz val="12"/>
      <color rgb="FFFF0000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10"/>
      <name val="明朝"/>
      <family val="1"/>
      <charset val="128"/>
    </font>
    <font>
      <sz val="12"/>
      <color rgb="FFFF000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8">
    <xf numFmtId="0" fontId="0" fillId="0" borderId="0" xfId="0"/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38" fontId="3" fillId="0" borderId="0" xfId="1" applyFont="1" applyBorder="1" applyAlignment="1">
      <alignment horizontal="right" vertical="center"/>
    </xf>
    <xf numFmtId="38" fontId="3" fillId="0" borderId="3" xfId="1" applyFont="1" applyBorder="1" applyAlignment="1">
      <alignment horizontal="right" vertical="center"/>
    </xf>
    <xf numFmtId="38" fontId="3" fillId="0" borderId="3" xfId="1" applyFont="1" applyFill="1" applyBorder="1" applyAlignment="1">
      <alignment horizontal="right" vertical="center"/>
    </xf>
    <xf numFmtId="38" fontId="3" fillId="0" borderId="0" xfId="1" applyFont="1" applyFill="1" applyBorder="1" applyAlignment="1">
      <alignment horizontal="right" vertical="center"/>
    </xf>
    <xf numFmtId="0" fontId="4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6" fillId="0" borderId="0" xfId="0" applyFont="1" applyAlignment="1">
      <alignment vertical="center"/>
    </xf>
    <xf numFmtId="38" fontId="7" fillId="0" borderId="0" xfId="1" applyFont="1" applyFill="1" applyBorder="1" applyAlignment="1">
      <alignment horizontal="right" vertical="center"/>
    </xf>
    <xf numFmtId="38" fontId="3" fillId="0" borderId="4" xfId="1" applyFont="1" applyFill="1" applyBorder="1" applyAlignment="1">
      <alignment horizontal="right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8" fillId="0" borderId="7" xfId="0" applyFont="1" applyFill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5" fillId="0" borderId="7" xfId="0" applyFont="1" applyFill="1" applyBorder="1" applyAlignment="1">
      <alignment horizontal="center" vertical="center"/>
    </xf>
    <xf numFmtId="0" fontId="0" fillId="0" borderId="7" xfId="0" applyFill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38" fontId="6" fillId="0" borderId="0" xfId="1" applyFont="1" applyFill="1" applyBorder="1" applyAlignment="1">
      <alignment horizontal="right" vertical="center"/>
    </xf>
    <xf numFmtId="0" fontId="9" fillId="0" borderId="0" xfId="0" applyFont="1" applyAlignment="1">
      <alignment vertical="center"/>
    </xf>
    <xf numFmtId="0" fontId="9" fillId="0" borderId="0" xfId="0" applyFont="1" applyFill="1" applyAlignment="1">
      <alignment vertical="center"/>
    </xf>
    <xf numFmtId="0" fontId="9" fillId="0" borderId="0" xfId="0" applyFont="1" applyFill="1" applyAlignment="1">
      <alignment horizontal="center" vertical="center"/>
    </xf>
    <xf numFmtId="0" fontId="10" fillId="0" borderId="0" xfId="0" applyFont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"/>
  <dimension ref="A1:U25"/>
  <sheetViews>
    <sheetView tabSelected="1" zoomScaleNormal="100" workbookViewId="0">
      <pane xSplit="2" ySplit="5" topLeftCell="C6" activePane="bottomRight" state="frozen"/>
      <selection pane="topRight" activeCell="C1" sqref="C1"/>
      <selection pane="bottomLeft" activeCell="A7" sqref="A7"/>
      <selection pane="bottomRight"/>
    </sheetView>
  </sheetViews>
  <sheetFormatPr defaultRowHeight="14.25"/>
  <cols>
    <col min="1" max="1" width="8.25" style="8" customWidth="1"/>
    <col min="2" max="2" width="6.125" style="8" customWidth="1"/>
    <col min="3" max="10" width="9" style="8"/>
    <col min="11" max="11" width="8" style="8" customWidth="1"/>
    <col min="12" max="13" width="7.25" style="8" customWidth="1"/>
    <col min="14" max="16384" width="9" style="8"/>
  </cols>
  <sheetData>
    <row r="1" spans="1:21" s="34" customFormat="1" ht="18" customHeight="1">
      <c r="A1" s="37" t="s">
        <v>13</v>
      </c>
      <c r="M1" s="35"/>
      <c r="N1" s="35"/>
      <c r="O1" s="35"/>
      <c r="P1" s="36"/>
      <c r="Q1" s="36"/>
      <c r="R1" s="36"/>
      <c r="S1" s="36"/>
      <c r="T1" s="36"/>
      <c r="U1" s="36"/>
    </row>
    <row r="2" spans="1:21" ht="18.75" customHeight="1" thickBot="1">
      <c r="A2" s="7" t="s">
        <v>11</v>
      </c>
      <c r="J2" s="9" t="s">
        <v>5</v>
      </c>
    </row>
    <row r="3" spans="1:21" ht="15" customHeight="1">
      <c r="A3" s="30" t="s">
        <v>6</v>
      </c>
      <c r="B3" s="30"/>
      <c r="C3" s="26" t="s">
        <v>1</v>
      </c>
      <c r="D3" s="26"/>
      <c r="E3" s="26" t="s">
        <v>3</v>
      </c>
      <c r="F3" s="26"/>
      <c r="G3" s="26"/>
      <c r="H3" s="26" t="s">
        <v>4</v>
      </c>
      <c r="I3" s="26"/>
      <c r="J3" s="29"/>
      <c r="K3" s="10"/>
    </row>
    <row r="4" spans="1:21" ht="15" customHeight="1">
      <c r="A4" s="22"/>
      <c r="B4" s="22"/>
      <c r="C4" s="24" t="s">
        <v>0</v>
      </c>
      <c r="D4" s="24" t="s">
        <v>7</v>
      </c>
      <c r="E4" s="24" t="s">
        <v>0</v>
      </c>
      <c r="F4" s="24" t="s">
        <v>7</v>
      </c>
      <c r="G4" s="24"/>
      <c r="H4" s="24" t="s">
        <v>0</v>
      </c>
      <c r="I4" s="24" t="s">
        <v>7</v>
      </c>
      <c r="J4" s="25"/>
      <c r="K4" s="10"/>
    </row>
    <row r="5" spans="1:21" ht="15" customHeight="1">
      <c r="A5" s="22"/>
      <c r="B5" s="22"/>
      <c r="C5" s="24"/>
      <c r="D5" s="24"/>
      <c r="E5" s="24"/>
      <c r="F5" s="1" t="s">
        <v>8</v>
      </c>
      <c r="G5" s="1" t="s">
        <v>9</v>
      </c>
      <c r="H5" s="24"/>
      <c r="I5" s="1" t="s">
        <v>8</v>
      </c>
      <c r="J5" s="2" t="s">
        <v>9</v>
      </c>
      <c r="K5" s="10"/>
    </row>
    <row r="6" spans="1:21" ht="24" customHeight="1">
      <c r="A6" s="31" t="s">
        <v>10</v>
      </c>
      <c r="B6" s="32"/>
      <c r="C6" s="3">
        <v>274</v>
      </c>
      <c r="D6" s="3">
        <v>4963</v>
      </c>
      <c r="E6" s="3">
        <v>229</v>
      </c>
      <c r="F6" s="3">
        <v>1414</v>
      </c>
      <c r="G6" s="3">
        <v>2113</v>
      </c>
      <c r="H6" s="3">
        <v>45</v>
      </c>
      <c r="I6" s="3">
        <v>574</v>
      </c>
      <c r="J6" s="3">
        <v>862</v>
      </c>
      <c r="K6" s="10"/>
    </row>
    <row r="7" spans="1:21" ht="24" customHeight="1">
      <c r="A7" s="22">
        <v>14</v>
      </c>
      <c r="B7" s="23"/>
      <c r="C7" s="3">
        <v>253</v>
      </c>
      <c r="D7" s="3">
        <v>3735</v>
      </c>
      <c r="E7" s="3">
        <v>214</v>
      </c>
      <c r="F7" s="3">
        <v>1091</v>
      </c>
      <c r="G7" s="3">
        <v>1366</v>
      </c>
      <c r="H7" s="3">
        <v>39</v>
      </c>
      <c r="I7" s="3">
        <v>535</v>
      </c>
      <c r="J7" s="3">
        <v>743</v>
      </c>
      <c r="K7" s="10"/>
    </row>
    <row r="8" spans="1:21" ht="24" customHeight="1">
      <c r="A8" s="22">
        <v>15</v>
      </c>
      <c r="B8" s="23"/>
      <c r="C8" s="3">
        <v>243</v>
      </c>
      <c r="D8" s="3">
        <v>2833</v>
      </c>
      <c r="E8" s="3">
        <v>217</v>
      </c>
      <c r="F8" s="3">
        <v>1186</v>
      </c>
      <c r="G8" s="3">
        <v>971</v>
      </c>
      <c r="H8" s="3">
        <v>26</v>
      </c>
      <c r="I8" s="3">
        <v>436</v>
      </c>
      <c r="J8" s="3">
        <v>240</v>
      </c>
      <c r="K8" s="10"/>
    </row>
    <row r="9" spans="1:21" ht="24" customHeight="1">
      <c r="A9" s="22">
        <v>16</v>
      </c>
      <c r="B9" s="23"/>
      <c r="C9" s="4">
        <v>281</v>
      </c>
      <c r="D9" s="3">
        <v>4250</v>
      </c>
      <c r="E9" s="3">
        <v>241</v>
      </c>
      <c r="F9" s="3">
        <v>1723</v>
      </c>
      <c r="G9" s="3">
        <v>1567</v>
      </c>
      <c r="H9" s="3">
        <v>40</v>
      </c>
      <c r="I9" s="3">
        <v>559</v>
      </c>
      <c r="J9" s="3">
        <v>401</v>
      </c>
      <c r="K9" s="10"/>
    </row>
    <row r="10" spans="1:21" ht="24" customHeight="1">
      <c r="A10" s="22">
        <v>17</v>
      </c>
      <c r="B10" s="23"/>
      <c r="C10" s="4">
        <v>172</v>
      </c>
      <c r="D10" s="3">
        <v>2220</v>
      </c>
      <c r="E10" s="3">
        <v>161</v>
      </c>
      <c r="F10" s="3">
        <v>1143</v>
      </c>
      <c r="G10" s="3">
        <v>868</v>
      </c>
      <c r="H10" s="3">
        <v>11</v>
      </c>
      <c r="I10" s="3">
        <v>157</v>
      </c>
      <c r="J10" s="3">
        <v>52</v>
      </c>
      <c r="K10" s="10"/>
    </row>
    <row r="11" spans="1:21" ht="24" customHeight="1">
      <c r="A11" s="22">
        <v>18</v>
      </c>
      <c r="B11" s="23"/>
      <c r="C11" s="5">
        <v>212</v>
      </c>
      <c r="D11" s="6">
        <v>3115</v>
      </c>
      <c r="E11" s="6">
        <v>190</v>
      </c>
      <c r="F11" s="6">
        <v>1420</v>
      </c>
      <c r="G11" s="6">
        <v>1164</v>
      </c>
      <c r="H11" s="6">
        <v>22</v>
      </c>
      <c r="I11" s="6">
        <v>352</v>
      </c>
      <c r="J11" s="6">
        <v>179</v>
      </c>
      <c r="K11" s="10"/>
    </row>
    <row r="12" spans="1:21" ht="24" customHeight="1">
      <c r="A12" s="22">
        <v>19</v>
      </c>
      <c r="B12" s="23"/>
      <c r="C12" s="5">
        <v>238</v>
      </c>
      <c r="D12" s="6">
        <v>2982</v>
      </c>
      <c r="E12" s="6">
        <v>205</v>
      </c>
      <c r="F12" s="6">
        <v>1104</v>
      </c>
      <c r="G12" s="6">
        <v>818</v>
      </c>
      <c r="H12" s="6">
        <v>33</v>
      </c>
      <c r="I12" s="6">
        <v>514</v>
      </c>
      <c r="J12" s="6">
        <v>546</v>
      </c>
      <c r="K12" s="10"/>
    </row>
    <row r="13" spans="1:21" ht="24" customHeight="1">
      <c r="A13" s="17">
        <v>20</v>
      </c>
      <c r="B13" s="28"/>
      <c r="C13" s="6">
        <v>205</v>
      </c>
      <c r="D13" s="6">
        <v>2961</v>
      </c>
      <c r="E13" s="6">
        <v>187</v>
      </c>
      <c r="F13" s="6">
        <v>1466</v>
      </c>
      <c r="G13" s="6">
        <v>1085</v>
      </c>
      <c r="H13" s="6">
        <v>18</v>
      </c>
      <c r="I13" s="6">
        <v>151</v>
      </c>
      <c r="J13" s="6">
        <v>259</v>
      </c>
      <c r="K13" s="10"/>
    </row>
    <row r="14" spans="1:21" ht="24" customHeight="1">
      <c r="A14" s="17">
        <v>21</v>
      </c>
      <c r="B14" s="27"/>
      <c r="C14" s="6">
        <v>209</v>
      </c>
      <c r="D14" s="33">
        <v>2442</v>
      </c>
      <c r="E14" s="6">
        <v>195</v>
      </c>
      <c r="F14" s="6">
        <v>1307</v>
      </c>
      <c r="G14" s="6">
        <v>917</v>
      </c>
      <c r="H14" s="6">
        <v>14</v>
      </c>
      <c r="I14" s="6">
        <v>146</v>
      </c>
      <c r="J14" s="6">
        <v>72</v>
      </c>
      <c r="K14" s="10"/>
    </row>
    <row r="15" spans="1:21" s="12" customFormat="1" ht="24" customHeight="1">
      <c r="A15" s="17">
        <v>22</v>
      </c>
      <c r="B15" s="19"/>
      <c r="C15" s="6">
        <v>201</v>
      </c>
      <c r="D15" s="6">
        <v>3121</v>
      </c>
      <c r="E15" s="6">
        <v>176</v>
      </c>
      <c r="F15" s="6">
        <v>1160</v>
      </c>
      <c r="G15" s="6">
        <v>1268</v>
      </c>
      <c r="H15" s="6">
        <v>25</v>
      </c>
      <c r="I15" s="6">
        <v>360</v>
      </c>
      <c r="J15" s="6">
        <v>333</v>
      </c>
      <c r="K15" s="11"/>
    </row>
    <row r="16" spans="1:21" s="12" customFormat="1" ht="24" customHeight="1">
      <c r="A16" s="20">
        <v>23</v>
      </c>
      <c r="B16" s="21"/>
      <c r="C16" s="13">
        <v>205</v>
      </c>
      <c r="D16" s="13">
        <v>3020</v>
      </c>
      <c r="E16" s="13">
        <v>177</v>
      </c>
      <c r="F16" s="13">
        <v>1794</v>
      </c>
      <c r="G16" s="13">
        <v>739</v>
      </c>
      <c r="H16" s="13">
        <v>28</v>
      </c>
      <c r="I16" s="13">
        <v>212</v>
      </c>
      <c r="J16" s="13">
        <v>275</v>
      </c>
      <c r="K16" s="11"/>
    </row>
    <row r="17" spans="1:11" s="12" customFormat="1" ht="24" customHeight="1">
      <c r="A17" s="20">
        <v>24</v>
      </c>
      <c r="B17" s="21"/>
      <c r="C17" s="6">
        <v>149</v>
      </c>
      <c r="D17" s="6">
        <v>2598</v>
      </c>
      <c r="E17" s="6">
        <v>132</v>
      </c>
      <c r="F17" s="6">
        <v>996</v>
      </c>
      <c r="G17" s="6">
        <v>1048</v>
      </c>
      <c r="H17" s="6">
        <v>17</v>
      </c>
      <c r="I17" s="6">
        <v>369</v>
      </c>
      <c r="J17" s="6">
        <v>185</v>
      </c>
      <c r="K17" s="10"/>
    </row>
    <row r="18" spans="1:11" s="12" customFormat="1" ht="24" customHeight="1">
      <c r="A18" s="17">
        <v>25</v>
      </c>
      <c r="B18" s="18"/>
      <c r="C18" s="6">
        <v>173</v>
      </c>
      <c r="D18" s="6">
        <v>2680</v>
      </c>
      <c r="E18" s="6">
        <v>157</v>
      </c>
      <c r="F18" s="6">
        <v>1295</v>
      </c>
      <c r="G18" s="6">
        <v>1040</v>
      </c>
      <c r="H18" s="6">
        <v>16</v>
      </c>
      <c r="I18" s="6">
        <v>260</v>
      </c>
      <c r="J18" s="6">
        <v>85</v>
      </c>
      <c r="K18" s="11"/>
    </row>
    <row r="19" spans="1:11" ht="24" customHeight="1">
      <c r="A19" s="17">
        <v>26</v>
      </c>
      <c r="B19" s="18"/>
      <c r="C19" s="6">
        <v>155</v>
      </c>
      <c r="D19" s="6">
        <v>2536</v>
      </c>
      <c r="E19" s="6">
        <v>135</v>
      </c>
      <c r="F19" s="6">
        <v>1150</v>
      </c>
      <c r="G19" s="6">
        <v>1020</v>
      </c>
      <c r="H19" s="6">
        <v>20</v>
      </c>
      <c r="I19" s="6">
        <v>141</v>
      </c>
      <c r="J19" s="6">
        <v>225</v>
      </c>
      <c r="K19" s="10"/>
    </row>
    <row r="20" spans="1:11" ht="24" customHeight="1">
      <c r="A20" s="17">
        <v>27</v>
      </c>
      <c r="B20" s="18"/>
      <c r="C20" s="6">
        <v>175</v>
      </c>
      <c r="D20" s="6">
        <v>2644</v>
      </c>
      <c r="E20" s="6">
        <v>160</v>
      </c>
      <c r="F20" s="6">
        <v>1270</v>
      </c>
      <c r="G20" s="6">
        <v>1077</v>
      </c>
      <c r="H20" s="6">
        <v>15</v>
      </c>
      <c r="I20" s="6">
        <v>173</v>
      </c>
      <c r="J20" s="6">
        <v>124</v>
      </c>
      <c r="K20" s="10"/>
    </row>
    <row r="21" spans="1:11" ht="24" customHeight="1">
      <c r="A21" s="17">
        <v>28</v>
      </c>
      <c r="B21" s="18"/>
      <c r="C21" s="6">
        <v>165</v>
      </c>
      <c r="D21" s="6">
        <v>2174</v>
      </c>
      <c r="E21" s="6">
        <v>149</v>
      </c>
      <c r="F21" s="6">
        <v>902</v>
      </c>
      <c r="G21" s="6">
        <v>914</v>
      </c>
      <c r="H21" s="6">
        <v>16</v>
      </c>
      <c r="I21" s="6">
        <v>251</v>
      </c>
      <c r="J21" s="6">
        <v>107</v>
      </c>
      <c r="K21" s="10"/>
    </row>
    <row r="22" spans="1:11" ht="24" customHeight="1">
      <c r="A22" s="17">
        <v>29</v>
      </c>
      <c r="B22" s="18"/>
      <c r="C22" s="6">
        <v>135</v>
      </c>
      <c r="D22" s="6">
        <v>1932</v>
      </c>
      <c r="E22" s="6">
        <v>119</v>
      </c>
      <c r="F22" s="6">
        <v>868</v>
      </c>
      <c r="G22" s="6">
        <v>778</v>
      </c>
      <c r="H22" s="6">
        <v>16</v>
      </c>
      <c r="I22" s="6">
        <v>158</v>
      </c>
      <c r="J22" s="6">
        <v>128</v>
      </c>
      <c r="K22" s="10"/>
    </row>
    <row r="23" spans="1:11" ht="24" customHeight="1">
      <c r="A23" s="17">
        <v>30</v>
      </c>
      <c r="B23" s="18"/>
      <c r="C23" s="6">
        <v>143</v>
      </c>
      <c r="D23" s="6">
        <v>1984</v>
      </c>
      <c r="E23" s="6">
        <v>135</v>
      </c>
      <c r="F23" s="6">
        <v>862</v>
      </c>
      <c r="G23" s="6">
        <v>960</v>
      </c>
      <c r="H23" s="6">
        <v>8</v>
      </c>
      <c r="I23" s="6">
        <v>120</v>
      </c>
      <c r="J23" s="6">
        <v>42</v>
      </c>
      <c r="K23" s="10"/>
    </row>
    <row r="24" spans="1:11" ht="24" customHeight="1" thickBot="1">
      <c r="A24" s="15" t="s">
        <v>12</v>
      </c>
      <c r="B24" s="16"/>
      <c r="C24" s="14">
        <v>161</v>
      </c>
      <c r="D24" s="14">
        <v>2070</v>
      </c>
      <c r="E24" s="14">
        <v>151</v>
      </c>
      <c r="F24" s="14">
        <v>1086</v>
      </c>
      <c r="G24" s="14">
        <v>861</v>
      </c>
      <c r="H24" s="14">
        <v>10</v>
      </c>
      <c r="I24" s="14">
        <v>59</v>
      </c>
      <c r="J24" s="14">
        <v>64</v>
      </c>
    </row>
    <row r="25" spans="1:11" ht="15.95" customHeight="1">
      <c r="A25" s="8" t="s">
        <v>2</v>
      </c>
    </row>
  </sheetData>
  <mergeCells count="29">
    <mergeCell ref="H4:H5"/>
    <mergeCell ref="I4:J4"/>
    <mergeCell ref="C3:D3"/>
    <mergeCell ref="A10:B10"/>
    <mergeCell ref="A14:B14"/>
    <mergeCell ref="A13:B13"/>
    <mergeCell ref="A11:B11"/>
    <mergeCell ref="A12:B12"/>
    <mergeCell ref="H3:J3"/>
    <mergeCell ref="C4:C5"/>
    <mergeCell ref="D4:D5"/>
    <mergeCell ref="E4:E5"/>
    <mergeCell ref="F4:G4"/>
    <mergeCell ref="E3:G3"/>
    <mergeCell ref="A3:B5"/>
    <mergeCell ref="A6:B6"/>
    <mergeCell ref="A7:B7"/>
    <mergeCell ref="A8:B8"/>
    <mergeCell ref="A9:B9"/>
    <mergeCell ref="A22:B22"/>
    <mergeCell ref="A20:B20"/>
    <mergeCell ref="A21:B21"/>
    <mergeCell ref="A24:B24"/>
    <mergeCell ref="A23:B23"/>
    <mergeCell ref="A15:B15"/>
    <mergeCell ref="A19:B19"/>
    <mergeCell ref="A17:B17"/>
    <mergeCell ref="A18:B18"/>
    <mergeCell ref="A16:B16"/>
  </mergeCells>
  <phoneticPr fontId="2"/>
  <pageMargins left="0.75" right="0.75" top="1" bottom="1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7-22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農林水産業</dc:title>
  <dc:creator>統計係</dc:creator>
  <cp:lastModifiedBy>Administrator</cp:lastModifiedBy>
  <cp:lastPrinted>2021-02-03T05:48:18Z</cp:lastPrinted>
  <dcterms:created xsi:type="dcterms:W3CDTF">1997-01-08T22:48:59Z</dcterms:created>
  <dcterms:modified xsi:type="dcterms:W3CDTF">2021-02-03T05:49:16Z</dcterms:modified>
</cp:coreProperties>
</file>